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C:\Users\s00056\Desktop\HP用\"/>
    </mc:Choice>
  </mc:AlternateContent>
  <xr:revisionPtr revIDLastSave="0" documentId="13_ncr:1_{662AC7A7-01C5-469C-B657-F46CFC1F4E5C}" xr6:coauthVersionLast="47" xr6:coauthVersionMax="47" xr10:uidLastSave="{00000000-0000-0000-0000-000000000000}"/>
  <bookViews>
    <workbookView xWindow="28680" yWindow="-120" windowWidth="20730" windowHeight="11040" xr2:uid="{00000000-000D-0000-FFFF-FFFF00000000}"/>
  </bookViews>
  <sheets>
    <sheet name="研修・手法" sheetId="12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9" uniqueCount="116">
  <si>
    <t>番号</t>
    <rPh sb="0" eb="2">
      <t>バンゴウ</t>
    </rPh>
    <phoneticPr fontId="1"/>
  </si>
  <si>
    <t>書籍名</t>
    <rPh sb="0" eb="2">
      <t>ショセキ</t>
    </rPh>
    <rPh sb="2" eb="3">
      <t>メイ</t>
    </rPh>
    <phoneticPr fontId="1"/>
  </si>
  <si>
    <t>著者</t>
    <rPh sb="0" eb="2">
      <t>チョシャ</t>
    </rPh>
    <phoneticPr fontId="1"/>
  </si>
  <si>
    <t>出版社</t>
    <rPh sb="0" eb="3">
      <t>シュッパンシャ</t>
    </rPh>
    <phoneticPr fontId="1"/>
  </si>
  <si>
    <t>全国公民館連合会</t>
    <phoneticPr fontId="1"/>
  </si>
  <si>
    <t>ナカニシヤ出版</t>
    <phoneticPr fontId="1"/>
  </si>
  <si>
    <t>ひとなる書房</t>
    <phoneticPr fontId="1"/>
  </si>
  <si>
    <t>こう書房</t>
    <phoneticPr fontId="1"/>
  </si>
  <si>
    <t>森田ゆり</t>
    <phoneticPr fontId="1"/>
  </si>
  <si>
    <t>ほんの森出版</t>
    <phoneticPr fontId="1"/>
  </si>
  <si>
    <t>新・ワークショップ版　世界がもし１００人の村だったら</t>
    <phoneticPr fontId="1"/>
  </si>
  <si>
    <t>開発教育協会</t>
    <phoneticPr fontId="1"/>
  </si>
  <si>
    <t>マグロ船式会議ドリル</t>
    <phoneticPr fontId="1"/>
  </si>
  <si>
    <t>齋藤正明</t>
    <phoneticPr fontId="1"/>
  </si>
  <si>
    <t>ファシリテーターの道具箱</t>
    <phoneticPr fontId="1"/>
  </si>
  <si>
    <t>森時彦</t>
    <phoneticPr fontId="1"/>
  </si>
  <si>
    <t>ダイヤモンド社</t>
    <phoneticPr fontId="1"/>
  </si>
  <si>
    <t>おとなに人気のふれあいあそび　おとなのためのアイスブレーキング集</t>
    <phoneticPr fontId="1"/>
  </si>
  <si>
    <t>渡邊暢子</t>
    <phoneticPr fontId="1"/>
  </si>
  <si>
    <t>みんなに内緒にしておきたい　講座づくりのノウハウ</t>
    <phoneticPr fontId="1"/>
  </si>
  <si>
    <t>チーム・ファシリテーション　最強の組織をつくる１２のステップ</t>
    <phoneticPr fontId="1"/>
  </si>
  <si>
    <t>堀公俊</t>
    <phoneticPr fontId="1"/>
  </si>
  <si>
    <t>朝日新聞出版</t>
    <phoneticPr fontId="1"/>
  </si>
  <si>
    <t>プレゼンのルール　あたりまえだけどなかなかできない</t>
    <phoneticPr fontId="1"/>
  </si>
  <si>
    <t>箱田忠昭</t>
    <phoneticPr fontId="1"/>
  </si>
  <si>
    <t>アスカ</t>
    <phoneticPr fontId="1"/>
  </si>
  <si>
    <t>心をつかみ人を動かす　説明の技術</t>
    <phoneticPr fontId="1"/>
  </si>
  <si>
    <t>木田知廣</t>
    <phoneticPr fontId="1"/>
  </si>
  <si>
    <t>日本実業出版</t>
    <phoneticPr fontId="1"/>
  </si>
  <si>
    <t>アイスブレイクベスト５０</t>
    <phoneticPr fontId="1"/>
  </si>
  <si>
    <t>青木蒋幸</t>
    <phoneticPr fontId="1"/>
  </si>
  <si>
    <t>君が笑顔になれるまで　　多角的自己表現法</t>
    <phoneticPr fontId="1"/>
  </si>
  <si>
    <t>徳丸洋子</t>
    <phoneticPr fontId="1"/>
  </si>
  <si>
    <t>ザ・ファシリテーター２</t>
    <phoneticPr fontId="1"/>
  </si>
  <si>
    <t>ゲーミーフィケーション＜ゲーム＞がビジネスを変える</t>
    <phoneticPr fontId="1"/>
  </si>
  <si>
    <t>井上明人</t>
    <phoneticPr fontId="1"/>
  </si>
  <si>
    <t>NHK出版</t>
    <phoneticPr fontId="1"/>
  </si>
  <si>
    <t>KP法　シンプルに伝える紙芝居の技術</t>
    <phoneticPr fontId="1"/>
  </si>
  <si>
    <t>川嶋直</t>
    <phoneticPr fontId="1"/>
  </si>
  <si>
    <t>みくに出版</t>
    <phoneticPr fontId="1"/>
  </si>
  <si>
    <t>新しい自分を生きるために　アサーティブコミュニケーションがあなたを変える</t>
    <phoneticPr fontId="1"/>
  </si>
  <si>
    <t>森田汐生</t>
    <phoneticPr fontId="1"/>
  </si>
  <si>
    <t>童話出版</t>
    <phoneticPr fontId="1"/>
  </si>
  <si>
    <t>ゲームストーミング　会議、チーム、プロジェクトを成功へと導く８７のゲーム</t>
    <phoneticPr fontId="1"/>
  </si>
  <si>
    <t>オーム社</t>
    <phoneticPr fontId="1"/>
  </si>
  <si>
    <t>フューチャーサーチ　利害を越えた対話から、みんなが望む未来を作り出すファシリテーション手法</t>
    <phoneticPr fontId="1"/>
  </si>
  <si>
    <t>マーヴィン・ワイスボード＆サンドラ・ジャノフ</t>
    <phoneticPr fontId="1"/>
  </si>
  <si>
    <t>ヒューマンバリュー</t>
    <phoneticPr fontId="1"/>
  </si>
  <si>
    <t>体験型の子育て学習プログラム１５　きて良かったと喜ばれる新しい保護者会</t>
    <phoneticPr fontId="1"/>
  </si>
  <si>
    <t>保護者会で使えるエンカウンター・エクササイズ</t>
    <phoneticPr fontId="1"/>
  </si>
  <si>
    <t>エンカウンターで保護者会が変わる　保護者と教師がともに育つエクササイズ集　小学校</t>
    <phoneticPr fontId="1"/>
  </si>
  <si>
    <t>亀口憲治監修・群馬県総合教育センター著</t>
    <phoneticPr fontId="1"/>
  </si>
  <si>
    <t>図書文化</t>
    <phoneticPr fontId="1"/>
  </si>
  <si>
    <t>高橋伸二　八巻寛冶</t>
    <phoneticPr fontId="1"/>
  </si>
  <si>
    <t>元気になる会議　　ホワイトボード・ミーティングのすすめ方</t>
    <phoneticPr fontId="1"/>
  </si>
  <si>
    <t>ちょんせいこ</t>
    <phoneticPr fontId="1"/>
  </si>
  <si>
    <t>解放出版社</t>
    <phoneticPr fontId="1"/>
  </si>
  <si>
    <t>人やまちが元気になるファシリテーター入門講座</t>
    <phoneticPr fontId="1"/>
  </si>
  <si>
    <t>学び合う場のつくり方　本当の学びへのファシリテーション</t>
    <phoneticPr fontId="1"/>
  </si>
  <si>
    <t>中野民夫</t>
    <phoneticPr fontId="1"/>
  </si>
  <si>
    <t>岩波書店</t>
    <phoneticPr fontId="1"/>
  </si>
  <si>
    <t>CからはじめるPDCA　仕事が早くなる！</t>
    <phoneticPr fontId="1"/>
  </si>
  <si>
    <t>日本能率協会
マネジメントセンター</t>
    <phoneticPr fontId="1"/>
  </si>
  <si>
    <t>回せるPDCA　図解でわかる</t>
    <phoneticPr fontId="1"/>
  </si>
  <si>
    <t>藤原毅芳</t>
    <phoneticPr fontId="1"/>
  </si>
  <si>
    <t>秀和システム</t>
    <phoneticPr fontId="1"/>
  </si>
  <si>
    <t>インタープリンター・トレーニング</t>
    <phoneticPr fontId="1"/>
  </si>
  <si>
    <t>津村俊充   増田直広</t>
    <phoneticPr fontId="1"/>
  </si>
  <si>
    <t>PDCAノート　短時間で目標を達成する！</t>
    <phoneticPr fontId="1"/>
  </si>
  <si>
    <t>PDCAノート　自分を劇的に成長させる！</t>
    <phoneticPr fontId="1"/>
  </si>
  <si>
    <t>岡村拓朗</t>
    <phoneticPr fontId="1"/>
  </si>
  <si>
    <t>フォレスト出版</t>
    <phoneticPr fontId="1"/>
  </si>
  <si>
    <t>ワールドカフェをやろう　新版　会話がつながり、世界がつながる</t>
    <phoneticPr fontId="1"/>
  </si>
  <si>
    <t>自信がつくプレゼンテーション　引きつけて離さないテクニック</t>
    <phoneticPr fontId="1"/>
  </si>
  <si>
    <t>香取一昭   大川恒</t>
    <phoneticPr fontId="1"/>
  </si>
  <si>
    <t>日本経済新聞出版社</t>
    <phoneticPr fontId="1"/>
  </si>
  <si>
    <t>大森康文</t>
    <phoneticPr fontId="1"/>
  </si>
  <si>
    <t>FOM出版</t>
    <phoneticPr fontId="1"/>
  </si>
  <si>
    <t>えんたくん革命</t>
    <phoneticPr fontId="1"/>
  </si>
  <si>
    <t>中島民夫   川嶋　直</t>
    <phoneticPr fontId="1"/>
  </si>
  <si>
    <t>はじめてのファシリテーション</t>
    <phoneticPr fontId="1"/>
  </si>
  <si>
    <t>ファシリテーションのすすめ</t>
    <phoneticPr fontId="1"/>
  </si>
  <si>
    <t>鈴木康久</t>
    <phoneticPr fontId="1"/>
  </si>
  <si>
    <t>鈴木まり子</t>
    <phoneticPr fontId="1"/>
  </si>
  <si>
    <t>モラロジー研究所</t>
    <phoneticPr fontId="1"/>
  </si>
  <si>
    <t>多様性　ファシリテーション・ガイド</t>
    <phoneticPr fontId="1"/>
  </si>
  <si>
    <t>ソーシャル・ファシリテーション</t>
    <phoneticPr fontId="1"/>
  </si>
  <si>
    <t>テクニックに走らないファシリテーション</t>
    <phoneticPr fontId="1"/>
  </si>
  <si>
    <t>解放出版</t>
    <phoneticPr fontId="1"/>
  </si>
  <si>
    <t>徳田太郎   鈴木まり子</t>
    <phoneticPr fontId="1"/>
  </si>
  <si>
    <t>北樹出版</t>
    <phoneticPr fontId="1"/>
  </si>
  <si>
    <t>米井隆　他</t>
    <phoneticPr fontId="1"/>
  </si>
  <si>
    <t>産業能率大学出版部</t>
    <phoneticPr fontId="1"/>
  </si>
  <si>
    <t>エフェクチュエーション優れた起業家が実践する「５つの法則」</t>
    <phoneticPr fontId="1"/>
  </si>
  <si>
    <t>吉田満梨   中村龍太</t>
    <phoneticPr fontId="1"/>
  </si>
  <si>
    <t>研修ファシリテーションハンドブック</t>
    <phoneticPr fontId="1"/>
  </si>
  <si>
    <t>中村文子</t>
    <phoneticPr fontId="1"/>
  </si>
  <si>
    <t>日本能率協会</t>
    <phoneticPr fontId="1"/>
  </si>
  <si>
    <t>エンカウンターで保護者会が変わる　保護者と教師がともに育つエクササイズ集　中学校</t>
    <phoneticPr fontId="1"/>
  </si>
  <si>
    <t>３．研修・手法</t>
    <rPh sb="2" eb="4">
      <t>ケンシュウ</t>
    </rPh>
    <rPh sb="5" eb="7">
      <t>シュホウ</t>
    </rPh>
    <phoneticPr fontId="1"/>
  </si>
  <si>
    <t>発行年</t>
    <rPh sb="0" eb="3">
      <t>ハッコウネン</t>
    </rPh>
    <phoneticPr fontId="1"/>
  </si>
  <si>
    <t>国分康孝　国分久子　片野智治　藤川章　加勇田修士　明里康弘</t>
    <phoneticPr fontId="1"/>
  </si>
  <si>
    <t>100人村教材編集委員会</t>
    <rPh sb="3" eb="4">
      <t>ニン</t>
    </rPh>
    <rPh sb="4" eb="5">
      <t>ムラ</t>
    </rPh>
    <rPh sb="5" eb="7">
      <t>キョウザイ</t>
    </rPh>
    <rPh sb="7" eb="9">
      <t>ヘンシュウ</t>
    </rPh>
    <rPh sb="9" eb="12">
      <t>イインカイ</t>
    </rPh>
    <phoneticPr fontId="1"/>
  </si>
  <si>
    <t>Dave  Gray　他</t>
    <rPh sb="11" eb="12">
      <t>ホカ</t>
    </rPh>
    <phoneticPr fontId="1"/>
  </si>
  <si>
    <t>広英社</t>
    <rPh sb="0" eb="1">
      <t>ヒロ</t>
    </rPh>
    <rPh sb="1" eb="2">
      <t>エイ</t>
    </rPh>
    <rPh sb="2" eb="3">
      <t>シャ</t>
    </rPh>
    <phoneticPr fontId="1"/>
  </si>
  <si>
    <t>ジアース教育新社</t>
    <rPh sb="4" eb="6">
      <t>キョウイク</t>
    </rPh>
    <rPh sb="6" eb="7">
      <t>シン</t>
    </rPh>
    <rPh sb="7" eb="8">
      <t>シャ</t>
    </rPh>
    <phoneticPr fontId="1"/>
  </si>
  <si>
    <t>昭和堂</t>
    <phoneticPr fontId="1"/>
  </si>
  <si>
    <t>ファシリテーターになろう！</t>
    <phoneticPr fontId="6"/>
  </si>
  <si>
    <t>解放出版</t>
    <rPh sb="0" eb="4">
      <t>カイホウシュッパン</t>
    </rPh>
    <phoneticPr fontId="6"/>
  </si>
  <si>
    <t>ファシリテーションとは何か</t>
    <phoneticPr fontId="6"/>
  </si>
  <si>
    <t>ナカニシヤ出版</t>
    <rPh sb="5" eb="7">
      <t>シュッパン</t>
    </rPh>
    <phoneticPr fontId="6"/>
  </si>
  <si>
    <t>問いのデザイン</t>
    <rPh sb="0" eb="1">
      <t>トイ</t>
    </rPh>
    <phoneticPr fontId="6"/>
  </si>
  <si>
    <t>安斎勇樹　塩瀬隆之</t>
    <phoneticPr fontId="6"/>
  </si>
  <si>
    <t>学芸出版社</t>
    <phoneticPr fontId="6"/>
  </si>
  <si>
    <t>井上義和　牧野智和（編著）</t>
    <rPh sb="0" eb="2">
      <t>イノウエ</t>
    </rPh>
    <rPh sb="2" eb="3">
      <t>ギ</t>
    </rPh>
    <rPh sb="3" eb="4">
      <t>ワ</t>
    </rPh>
    <rPh sb="5" eb="7">
      <t>マキノ</t>
    </rPh>
    <rPh sb="7" eb="8">
      <t>トモ</t>
    </rPh>
    <rPh sb="8" eb="9">
      <t>ワ</t>
    </rPh>
    <rPh sb="10" eb="11">
      <t>ヘン</t>
    </rPh>
    <rPh sb="11" eb="12">
      <t>チョ</t>
    </rPh>
    <phoneticPr fontId="6"/>
  </si>
  <si>
    <t>ちょんせいこ　他</t>
    <rPh sb="7" eb="8">
      <t>ホカ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メイリオ"/>
      <family val="3"/>
      <charset val="128"/>
    </font>
    <font>
      <b/>
      <sz val="16"/>
      <color theme="1"/>
      <name val="メイリオ"/>
      <family val="3"/>
      <charset val="128"/>
    </font>
    <font>
      <sz val="9"/>
      <color theme="1"/>
      <name val="メイリオ"/>
      <family val="3"/>
      <charset val="128"/>
    </font>
    <font>
      <sz val="9"/>
      <name val="メイリオ"/>
      <family val="3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3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/>
    </xf>
    <xf numFmtId="0" fontId="4" fillId="0" borderId="1" xfId="0" applyFont="1" applyBorder="1">
      <alignment vertical="center"/>
    </xf>
    <xf numFmtId="0" fontId="4" fillId="0" borderId="1" xfId="0" applyFont="1" applyBorder="1" applyAlignment="1">
      <alignment vertical="center" wrapText="1"/>
    </xf>
    <xf numFmtId="0" fontId="4" fillId="0" borderId="1" xfId="0" applyFont="1" applyBorder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4" fillId="0" borderId="0" xfId="0" applyFont="1" applyBorder="1">
      <alignment vertical="center"/>
    </xf>
    <xf numFmtId="0" fontId="2" fillId="0" borderId="0" xfId="0" applyFont="1" applyBorder="1">
      <alignment vertical="center"/>
    </xf>
    <xf numFmtId="0" fontId="0" fillId="0" borderId="0" xfId="0" applyBorder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horizontal="left" vertical="center"/>
    </xf>
    <xf numFmtId="0" fontId="5" fillId="0" borderId="1" xfId="0" applyFont="1" applyBorder="1" applyAlignment="1">
      <alignment wrapText="1" shrinkToFit="1"/>
    </xf>
    <xf numFmtId="0" fontId="3" fillId="0" borderId="0" xfId="0" applyFont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E71"/>
  <sheetViews>
    <sheetView tabSelected="1" topLeftCell="A33" workbookViewId="0">
      <selection activeCell="B39" sqref="B39"/>
    </sheetView>
  </sheetViews>
  <sheetFormatPr defaultRowHeight="18" x14ac:dyDescent="0.55000000000000004"/>
  <cols>
    <col min="1" max="1" width="8.6640625" customWidth="1"/>
    <col min="2" max="2" width="59.83203125" customWidth="1"/>
    <col min="3" max="3" width="21.83203125" customWidth="1"/>
    <col min="4" max="4" width="21" customWidth="1"/>
  </cols>
  <sheetData>
    <row r="1" spans="1:5" ht="25.5" x14ac:dyDescent="0.55000000000000004">
      <c r="A1" s="12" t="s">
        <v>99</v>
      </c>
      <c r="B1" s="12"/>
      <c r="C1" s="12"/>
      <c r="D1" s="12"/>
    </row>
    <row r="2" spans="1:5" x14ac:dyDescent="0.55000000000000004">
      <c r="A2" s="1" t="s">
        <v>0</v>
      </c>
      <c r="B2" s="1" t="s">
        <v>1</v>
      </c>
      <c r="C2" s="1" t="s">
        <v>2</v>
      </c>
      <c r="D2" s="1" t="s">
        <v>3</v>
      </c>
      <c r="E2" s="1" t="s">
        <v>100</v>
      </c>
    </row>
    <row r="3" spans="1:5" x14ac:dyDescent="0.55000000000000004">
      <c r="A3" s="4">
        <v>100037</v>
      </c>
      <c r="B3" s="2" t="s">
        <v>12</v>
      </c>
      <c r="C3" s="2" t="s">
        <v>13</v>
      </c>
      <c r="D3" s="2" t="s">
        <v>7</v>
      </c>
      <c r="E3" s="4">
        <v>2010</v>
      </c>
    </row>
    <row r="4" spans="1:5" x14ac:dyDescent="0.55000000000000004">
      <c r="A4" s="4">
        <v>100041</v>
      </c>
      <c r="B4" s="2" t="s">
        <v>10</v>
      </c>
      <c r="C4" s="2" t="s">
        <v>102</v>
      </c>
      <c r="D4" s="2" t="s">
        <v>11</v>
      </c>
      <c r="E4" s="4">
        <v>2003</v>
      </c>
    </row>
    <row r="5" spans="1:5" x14ac:dyDescent="0.55000000000000004">
      <c r="A5" s="4">
        <v>110012</v>
      </c>
      <c r="B5" s="2" t="s">
        <v>14</v>
      </c>
      <c r="C5" s="2" t="s">
        <v>15</v>
      </c>
      <c r="D5" s="2" t="s">
        <v>16</v>
      </c>
      <c r="E5" s="4">
        <v>2008</v>
      </c>
    </row>
    <row r="6" spans="1:5" x14ac:dyDescent="0.55000000000000004">
      <c r="A6" s="4">
        <v>110013</v>
      </c>
      <c r="B6" s="2" t="s">
        <v>17</v>
      </c>
      <c r="C6" s="2" t="s">
        <v>18</v>
      </c>
      <c r="D6" s="2" t="s">
        <v>6</v>
      </c>
      <c r="E6" s="4">
        <v>2008</v>
      </c>
    </row>
    <row r="7" spans="1:5" x14ac:dyDescent="0.55000000000000004">
      <c r="A7" s="4">
        <v>110014</v>
      </c>
      <c r="B7" s="2" t="s">
        <v>19</v>
      </c>
      <c r="C7" s="2" t="s">
        <v>4</v>
      </c>
      <c r="D7" s="2" t="s">
        <v>104</v>
      </c>
      <c r="E7" s="4">
        <v>2011</v>
      </c>
    </row>
    <row r="8" spans="1:5" x14ac:dyDescent="0.55000000000000004">
      <c r="A8" s="4">
        <v>110016</v>
      </c>
      <c r="B8" s="2" t="s">
        <v>20</v>
      </c>
      <c r="C8" s="2" t="s">
        <v>21</v>
      </c>
      <c r="D8" s="2" t="s">
        <v>22</v>
      </c>
      <c r="E8" s="4">
        <v>2010</v>
      </c>
    </row>
    <row r="9" spans="1:5" x14ac:dyDescent="0.55000000000000004">
      <c r="A9" s="4">
        <v>120002</v>
      </c>
      <c r="B9" s="2" t="s">
        <v>23</v>
      </c>
      <c r="C9" s="2" t="s">
        <v>24</v>
      </c>
      <c r="D9" s="2" t="s">
        <v>25</v>
      </c>
      <c r="E9" s="4">
        <v>2008</v>
      </c>
    </row>
    <row r="10" spans="1:5" x14ac:dyDescent="0.55000000000000004">
      <c r="A10" s="4">
        <v>130014</v>
      </c>
      <c r="B10" s="2" t="s">
        <v>26</v>
      </c>
      <c r="C10" s="2" t="s">
        <v>27</v>
      </c>
      <c r="D10" s="2" t="s">
        <v>28</v>
      </c>
      <c r="E10" s="4">
        <v>2013</v>
      </c>
    </row>
    <row r="11" spans="1:5" x14ac:dyDescent="0.55000000000000004">
      <c r="A11" s="4">
        <v>130016</v>
      </c>
      <c r="B11" s="2" t="s">
        <v>29</v>
      </c>
      <c r="C11" s="2" t="s">
        <v>30</v>
      </c>
      <c r="D11" s="2" t="s">
        <v>9</v>
      </c>
      <c r="E11" s="4">
        <v>2013</v>
      </c>
    </row>
    <row r="12" spans="1:5" x14ac:dyDescent="0.55000000000000004">
      <c r="A12" s="4">
        <v>130017</v>
      </c>
      <c r="B12" s="2" t="s">
        <v>31</v>
      </c>
      <c r="C12" s="2" t="s">
        <v>32</v>
      </c>
      <c r="D12" s="2" t="s">
        <v>105</v>
      </c>
      <c r="E12" s="4">
        <v>2006</v>
      </c>
    </row>
    <row r="13" spans="1:5" x14ac:dyDescent="0.55000000000000004">
      <c r="A13" s="4">
        <v>130022</v>
      </c>
      <c r="B13" s="2" t="s">
        <v>33</v>
      </c>
      <c r="C13" s="2" t="s">
        <v>15</v>
      </c>
      <c r="D13" s="2" t="s">
        <v>16</v>
      </c>
      <c r="E13" s="4">
        <v>2007</v>
      </c>
    </row>
    <row r="14" spans="1:5" x14ac:dyDescent="0.55000000000000004">
      <c r="A14" s="4">
        <v>130029</v>
      </c>
      <c r="B14" s="2" t="s">
        <v>34</v>
      </c>
      <c r="C14" s="2" t="s">
        <v>35</v>
      </c>
      <c r="D14" s="2" t="s">
        <v>36</v>
      </c>
      <c r="E14" s="4">
        <v>2012</v>
      </c>
    </row>
    <row r="15" spans="1:5" x14ac:dyDescent="0.55000000000000004">
      <c r="A15" s="4">
        <v>130031</v>
      </c>
      <c r="B15" s="2" t="s">
        <v>37</v>
      </c>
      <c r="C15" s="2" t="s">
        <v>38</v>
      </c>
      <c r="D15" s="2" t="s">
        <v>39</v>
      </c>
      <c r="E15" s="4">
        <v>2013</v>
      </c>
    </row>
    <row r="16" spans="1:5" x14ac:dyDescent="0.55000000000000004">
      <c r="A16" s="4">
        <v>130033</v>
      </c>
      <c r="B16" s="3" t="s">
        <v>40</v>
      </c>
      <c r="C16" s="2" t="s">
        <v>41</v>
      </c>
      <c r="D16" s="2" t="s">
        <v>42</v>
      </c>
      <c r="E16" s="4">
        <v>2005</v>
      </c>
    </row>
    <row r="17" spans="1:5" x14ac:dyDescent="0.55000000000000004">
      <c r="A17" s="4">
        <v>130046</v>
      </c>
      <c r="B17" s="3" t="s">
        <v>43</v>
      </c>
      <c r="C17" s="2" t="s">
        <v>103</v>
      </c>
      <c r="D17" s="2" t="s">
        <v>44</v>
      </c>
      <c r="E17" s="4">
        <v>2011</v>
      </c>
    </row>
    <row r="18" spans="1:5" ht="29" x14ac:dyDescent="0.55000000000000004">
      <c r="A18" s="4">
        <v>130047</v>
      </c>
      <c r="B18" s="3" t="s">
        <v>45</v>
      </c>
      <c r="C18" s="3" t="s">
        <v>46</v>
      </c>
      <c r="D18" s="2" t="s">
        <v>47</v>
      </c>
      <c r="E18" s="4">
        <v>2009</v>
      </c>
    </row>
    <row r="19" spans="1:5" ht="29" x14ac:dyDescent="0.55000000000000004">
      <c r="A19" s="4">
        <v>140001</v>
      </c>
      <c r="B19" s="3" t="s">
        <v>48</v>
      </c>
      <c r="C19" s="3" t="s">
        <v>51</v>
      </c>
      <c r="D19" s="2" t="s">
        <v>52</v>
      </c>
      <c r="E19" s="4">
        <v>2006</v>
      </c>
    </row>
    <row r="20" spans="1:5" x14ac:dyDescent="0.55000000000000004">
      <c r="A20" s="4">
        <v>140002</v>
      </c>
      <c r="B20" s="2" t="s">
        <v>49</v>
      </c>
      <c r="C20" s="2" t="s">
        <v>53</v>
      </c>
      <c r="D20" s="2" t="s">
        <v>9</v>
      </c>
      <c r="E20" s="4">
        <v>2003</v>
      </c>
    </row>
    <row r="21" spans="1:5" ht="29" x14ac:dyDescent="0.55000000000000004">
      <c r="A21" s="4">
        <v>140003</v>
      </c>
      <c r="B21" s="3" t="s">
        <v>50</v>
      </c>
      <c r="C21" s="3" t="s">
        <v>101</v>
      </c>
      <c r="D21" s="2" t="s">
        <v>52</v>
      </c>
      <c r="E21" s="4">
        <v>2009</v>
      </c>
    </row>
    <row r="22" spans="1:5" ht="29" x14ac:dyDescent="0.55000000000000004">
      <c r="A22" s="4">
        <v>140004</v>
      </c>
      <c r="B22" s="3" t="s">
        <v>98</v>
      </c>
      <c r="C22" s="3" t="s">
        <v>101</v>
      </c>
      <c r="D22" s="2" t="s">
        <v>52</v>
      </c>
      <c r="E22" s="4">
        <v>2009</v>
      </c>
    </row>
    <row r="23" spans="1:5" x14ac:dyDescent="0.55000000000000004">
      <c r="A23" s="4">
        <v>140010</v>
      </c>
      <c r="B23" s="2" t="s">
        <v>54</v>
      </c>
      <c r="C23" s="2" t="s">
        <v>55</v>
      </c>
      <c r="D23" s="2" t="s">
        <v>56</v>
      </c>
      <c r="E23" s="4">
        <v>2010</v>
      </c>
    </row>
    <row r="24" spans="1:5" x14ac:dyDescent="0.55000000000000004">
      <c r="A24" s="4">
        <v>170003</v>
      </c>
      <c r="B24" s="2" t="s">
        <v>57</v>
      </c>
      <c r="C24" s="2" t="s">
        <v>55</v>
      </c>
      <c r="D24" s="2" t="s">
        <v>56</v>
      </c>
      <c r="E24" s="4">
        <v>2007</v>
      </c>
    </row>
    <row r="25" spans="1:5" x14ac:dyDescent="0.55000000000000004">
      <c r="A25" s="4">
        <v>170007</v>
      </c>
      <c r="B25" s="2" t="s">
        <v>58</v>
      </c>
      <c r="C25" s="2" t="s">
        <v>59</v>
      </c>
      <c r="D25" s="2" t="s">
        <v>60</v>
      </c>
      <c r="E25" s="4">
        <v>2017</v>
      </c>
    </row>
    <row r="26" spans="1:5" ht="29" x14ac:dyDescent="0.55000000000000004">
      <c r="A26" s="4">
        <v>170011</v>
      </c>
      <c r="B26" s="2" t="s">
        <v>61</v>
      </c>
      <c r="C26" s="3" t="s">
        <v>62</v>
      </c>
      <c r="D26" s="3" t="s">
        <v>62</v>
      </c>
      <c r="E26" s="4">
        <v>2013</v>
      </c>
    </row>
    <row r="27" spans="1:5" x14ac:dyDescent="0.55000000000000004">
      <c r="A27" s="4">
        <v>170014</v>
      </c>
      <c r="B27" s="2" t="s">
        <v>63</v>
      </c>
      <c r="C27" s="2" t="s">
        <v>64</v>
      </c>
      <c r="D27" s="2" t="s">
        <v>65</v>
      </c>
      <c r="E27" s="4">
        <v>2017</v>
      </c>
    </row>
    <row r="28" spans="1:5" x14ac:dyDescent="0.55000000000000004">
      <c r="A28" s="4">
        <v>170018</v>
      </c>
      <c r="B28" s="2" t="s">
        <v>66</v>
      </c>
      <c r="C28" s="2" t="s">
        <v>67</v>
      </c>
      <c r="D28" s="2" t="s">
        <v>5</v>
      </c>
      <c r="E28" s="4">
        <v>2014</v>
      </c>
    </row>
    <row r="29" spans="1:5" x14ac:dyDescent="0.55000000000000004">
      <c r="A29" s="4">
        <v>170020</v>
      </c>
      <c r="B29" s="2" t="s">
        <v>68</v>
      </c>
      <c r="C29" s="2" t="s">
        <v>70</v>
      </c>
      <c r="D29" s="2" t="s">
        <v>71</v>
      </c>
      <c r="E29" s="4">
        <v>2018</v>
      </c>
    </row>
    <row r="30" spans="1:5" x14ac:dyDescent="0.55000000000000004">
      <c r="A30" s="4">
        <v>170021</v>
      </c>
      <c r="B30" s="2" t="s">
        <v>69</v>
      </c>
      <c r="C30" s="2" t="s">
        <v>70</v>
      </c>
      <c r="D30" s="2" t="s">
        <v>71</v>
      </c>
      <c r="E30" s="4">
        <v>2017</v>
      </c>
    </row>
    <row r="31" spans="1:5" x14ac:dyDescent="0.55000000000000004">
      <c r="A31" s="4">
        <v>180008</v>
      </c>
      <c r="B31" s="2" t="s">
        <v>72</v>
      </c>
      <c r="C31" s="2" t="s">
        <v>74</v>
      </c>
      <c r="D31" s="2" t="s">
        <v>75</v>
      </c>
      <c r="E31" s="4">
        <v>2017</v>
      </c>
    </row>
    <row r="32" spans="1:5" x14ac:dyDescent="0.55000000000000004">
      <c r="A32" s="4">
        <v>180009</v>
      </c>
      <c r="B32" s="2" t="s">
        <v>73</v>
      </c>
      <c r="C32" s="2" t="s">
        <v>76</v>
      </c>
      <c r="D32" s="2" t="s">
        <v>77</v>
      </c>
      <c r="E32" s="4">
        <v>2018</v>
      </c>
    </row>
    <row r="33" spans="1:5" x14ac:dyDescent="0.55000000000000004">
      <c r="A33" s="4">
        <v>190001</v>
      </c>
      <c r="B33" s="2" t="s">
        <v>78</v>
      </c>
      <c r="C33" s="2" t="s">
        <v>79</v>
      </c>
      <c r="D33" s="2" t="s">
        <v>39</v>
      </c>
      <c r="E33" s="4">
        <v>2018</v>
      </c>
    </row>
    <row r="34" spans="1:5" x14ac:dyDescent="0.55000000000000004">
      <c r="A34" s="4">
        <v>200002</v>
      </c>
      <c r="B34" s="2" t="s">
        <v>80</v>
      </c>
      <c r="C34" s="2" t="s">
        <v>82</v>
      </c>
      <c r="D34" s="2" t="s">
        <v>106</v>
      </c>
      <c r="E34" s="4">
        <v>2019</v>
      </c>
    </row>
    <row r="35" spans="1:5" x14ac:dyDescent="0.55000000000000004">
      <c r="A35" s="4">
        <v>200003</v>
      </c>
      <c r="B35" s="2" t="s">
        <v>81</v>
      </c>
      <c r="C35" s="2" t="s">
        <v>83</v>
      </c>
      <c r="D35" s="2" t="s">
        <v>84</v>
      </c>
      <c r="E35" s="4">
        <v>2018</v>
      </c>
    </row>
    <row r="36" spans="1:5" x14ac:dyDescent="0.55000000000000004">
      <c r="A36" s="4">
        <v>210007</v>
      </c>
      <c r="B36" s="2" t="s">
        <v>85</v>
      </c>
      <c r="C36" s="2" t="s">
        <v>8</v>
      </c>
      <c r="D36" s="2" t="s">
        <v>88</v>
      </c>
      <c r="E36" s="4">
        <v>2020</v>
      </c>
    </row>
    <row r="37" spans="1:5" x14ac:dyDescent="0.55000000000000004">
      <c r="A37" s="4">
        <v>210008</v>
      </c>
      <c r="B37" s="2" t="s">
        <v>86</v>
      </c>
      <c r="C37" s="2" t="s">
        <v>89</v>
      </c>
      <c r="D37" s="2" t="s">
        <v>90</v>
      </c>
      <c r="E37" s="4">
        <v>2021</v>
      </c>
    </row>
    <row r="38" spans="1:5" x14ac:dyDescent="0.55000000000000004">
      <c r="A38" s="4">
        <v>210009</v>
      </c>
      <c r="B38" s="2" t="s">
        <v>87</v>
      </c>
      <c r="C38" s="2" t="s">
        <v>91</v>
      </c>
      <c r="D38" s="2" t="s">
        <v>92</v>
      </c>
      <c r="E38" s="4">
        <v>2021</v>
      </c>
    </row>
    <row r="39" spans="1:5" x14ac:dyDescent="0.55000000000000004">
      <c r="A39" s="4">
        <v>230014</v>
      </c>
      <c r="B39" s="2" t="s">
        <v>93</v>
      </c>
      <c r="C39" s="2" t="s">
        <v>94</v>
      </c>
      <c r="D39" s="2" t="s">
        <v>16</v>
      </c>
      <c r="E39" s="4">
        <v>2023</v>
      </c>
    </row>
    <row r="40" spans="1:5" x14ac:dyDescent="0.55000000000000004">
      <c r="A40" s="4">
        <v>230017</v>
      </c>
      <c r="B40" s="2" t="s">
        <v>95</v>
      </c>
      <c r="C40" s="2" t="s">
        <v>96</v>
      </c>
      <c r="D40" s="2" t="s">
        <v>97</v>
      </c>
      <c r="E40" s="4">
        <v>2020</v>
      </c>
    </row>
    <row r="41" spans="1:5" x14ac:dyDescent="0.5">
      <c r="A41" s="4">
        <v>250007</v>
      </c>
      <c r="B41" s="11" t="s">
        <v>107</v>
      </c>
      <c r="C41" s="11" t="s">
        <v>115</v>
      </c>
      <c r="D41" s="11" t="s">
        <v>108</v>
      </c>
      <c r="E41" s="4">
        <v>2021</v>
      </c>
    </row>
    <row r="42" spans="1:5" x14ac:dyDescent="0.5">
      <c r="A42" s="4">
        <v>250008</v>
      </c>
      <c r="B42" s="11" t="s">
        <v>109</v>
      </c>
      <c r="C42" s="11" t="s">
        <v>114</v>
      </c>
      <c r="D42" s="11" t="s">
        <v>110</v>
      </c>
      <c r="E42" s="4">
        <v>2021</v>
      </c>
    </row>
    <row r="43" spans="1:5" x14ac:dyDescent="0.5">
      <c r="A43" s="4">
        <v>250009</v>
      </c>
      <c r="B43" s="11" t="s">
        <v>111</v>
      </c>
      <c r="C43" s="11" t="s">
        <v>112</v>
      </c>
      <c r="D43" s="11" t="s">
        <v>113</v>
      </c>
      <c r="E43" s="4">
        <v>2020</v>
      </c>
    </row>
    <row r="44" spans="1:5" x14ac:dyDescent="0.55000000000000004">
      <c r="A44" s="5"/>
      <c r="B44" s="6"/>
      <c r="C44" s="6"/>
      <c r="D44" s="6"/>
      <c r="E44" s="10"/>
    </row>
    <row r="45" spans="1:5" x14ac:dyDescent="0.55000000000000004">
      <c r="A45" s="5"/>
      <c r="B45" s="6"/>
      <c r="C45" s="6"/>
      <c r="D45" s="6"/>
      <c r="E45" s="10"/>
    </row>
    <row r="46" spans="1:5" x14ac:dyDescent="0.55000000000000004">
      <c r="A46" s="6"/>
      <c r="B46" s="6"/>
      <c r="C46" s="6"/>
      <c r="D46" s="6"/>
      <c r="E46" s="10"/>
    </row>
    <row r="47" spans="1:5" x14ac:dyDescent="0.55000000000000004">
      <c r="A47" s="6"/>
      <c r="B47" s="6"/>
      <c r="C47" s="6"/>
      <c r="D47" s="6"/>
      <c r="E47" s="10"/>
    </row>
    <row r="48" spans="1:5" x14ac:dyDescent="0.55000000000000004">
      <c r="A48" s="6"/>
      <c r="B48" s="6"/>
      <c r="C48" s="6"/>
      <c r="D48" s="6"/>
      <c r="E48" s="10"/>
    </row>
    <row r="49" spans="1:5" x14ac:dyDescent="0.55000000000000004">
      <c r="A49" s="6"/>
      <c r="B49" s="6"/>
      <c r="C49" s="6"/>
      <c r="D49" s="6"/>
      <c r="E49" s="10"/>
    </row>
    <row r="50" spans="1:5" x14ac:dyDescent="0.55000000000000004">
      <c r="A50" s="6"/>
      <c r="B50" s="6"/>
      <c r="C50" s="6"/>
      <c r="D50" s="6"/>
      <c r="E50" s="10"/>
    </row>
    <row r="51" spans="1:5" x14ac:dyDescent="0.55000000000000004">
      <c r="A51" s="6"/>
      <c r="B51" s="6"/>
      <c r="C51" s="6"/>
      <c r="D51" s="6"/>
      <c r="E51" s="9"/>
    </row>
    <row r="52" spans="1:5" x14ac:dyDescent="0.55000000000000004">
      <c r="A52" s="6"/>
      <c r="B52" s="6"/>
      <c r="C52" s="6"/>
      <c r="D52" s="6"/>
      <c r="E52" s="9"/>
    </row>
    <row r="53" spans="1:5" x14ac:dyDescent="0.55000000000000004">
      <c r="A53" s="6"/>
      <c r="B53" s="6"/>
      <c r="C53" s="6"/>
      <c r="D53" s="6"/>
      <c r="E53" s="9"/>
    </row>
    <row r="54" spans="1:5" x14ac:dyDescent="0.55000000000000004">
      <c r="A54" s="6"/>
      <c r="B54" s="6"/>
      <c r="C54" s="6"/>
      <c r="D54" s="6"/>
      <c r="E54" s="9"/>
    </row>
    <row r="55" spans="1:5" x14ac:dyDescent="0.55000000000000004">
      <c r="A55" s="6"/>
      <c r="B55" s="6"/>
      <c r="C55" s="6"/>
      <c r="D55" s="6"/>
      <c r="E55" s="9"/>
    </row>
    <row r="56" spans="1:5" x14ac:dyDescent="0.55000000000000004">
      <c r="A56" s="7"/>
      <c r="B56" s="7"/>
      <c r="C56" s="7"/>
      <c r="D56" s="7"/>
      <c r="E56" s="9"/>
    </row>
    <row r="57" spans="1:5" x14ac:dyDescent="0.55000000000000004">
      <c r="A57" s="7"/>
      <c r="B57" s="7"/>
      <c r="C57" s="7"/>
      <c r="D57" s="7"/>
      <c r="E57" s="9"/>
    </row>
    <row r="58" spans="1:5" x14ac:dyDescent="0.55000000000000004">
      <c r="A58" s="7"/>
      <c r="B58" s="7"/>
      <c r="C58" s="7"/>
      <c r="D58" s="7"/>
      <c r="E58" s="9"/>
    </row>
    <row r="59" spans="1:5" x14ac:dyDescent="0.55000000000000004">
      <c r="A59" s="7"/>
      <c r="B59" s="7"/>
      <c r="C59" s="7"/>
      <c r="D59" s="7"/>
      <c r="E59" s="9"/>
    </row>
    <row r="60" spans="1:5" x14ac:dyDescent="0.55000000000000004">
      <c r="A60" s="7"/>
      <c r="B60" s="7"/>
      <c r="C60" s="7"/>
      <c r="D60" s="7"/>
      <c r="E60" s="9"/>
    </row>
    <row r="61" spans="1:5" x14ac:dyDescent="0.55000000000000004">
      <c r="A61" s="7"/>
      <c r="B61" s="7"/>
      <c r="C61" s="7"/>
      <c r="D61" s="7"/>
      <c r="E61" s="9"/>
    </row>
    <row r="62" spans="1:5" x14ac:dyDescent="0.55000000000000004">
      <c r="A62" s="7"/>
      <c r="B62" s="7"/>
      <c r="C62" s="7"/>
      <c r="D62" s="7"/>
      <c r="E62" s="9"/>
    </row>
    <row r="63" spans="1:5" x14ac:dyDescent="0.55000000000000004">
      <c r="A63" s="7"/>
      <c r="B63" s="7"/>
      <c r="C63" s="7"/>
      <c r="D63" s="7"/>
      <c r="E63" s="9"/>
    </row>
    <row r="64" spans="1:5" x14ac:dyDescent="0.55000000000000004">
      <c r="A64" s="7"/>
      <c r="B64" s="7"/>
      <c r="C64" s="7"/>
      <c r="D64" s="7"/>
      <c r="E64" s="9"/>
    </row>
    <row r="65" spans="1:5" x14ac:dyDescent="0.55000000000000004">
      <c r="A65" s="7"/>
      <c r="B65" s="7"/>
      <c r="C65" s="7"/>
      <c r="D65" s="7"/>
      <c r="E65" s="9"/>
    </row>
    <row r="66" spans="1:5" x14ac:dyDescent="0.55000000000000004">
      <c r="A66" s="7"/>
      <c r="B66" s="7"/>
      <c r="C66" s="7"/>
      <c r="D66" s="7"/>
    </row>
    <row r="67" spans="1:5" x14ac:dyDescent="0.55000000000000004">
      <c r="A67" s="7"/>
      <c r="B67" s="7"/>
      <c r="C67" s="7"/>
      <c r="D67" s="7"/>
    </row>
    <row r="68" spans="1:5" x14ac:dyDescent="0.55000000000000004">
      <c r="A68" s="7"/>
      <c r="B68" s="7"/>
      <c r="C68" s="7"/>
      <c r="D68" s="7"/>
    </row>
    <row r="69" spans="1:5" x14ac:dyDescent="0.55000000000000004">
      <c r="A69" s="7"/>
      <c r="B69" s="7"/>
      <c r="C69" s="7"/>
      <c r="D69" s="7"/>
    </row>
    <row r="70" spans="1:5" x14ac:dyDescent="0.55000000000000004">
      <c r="A70" s="8"/>
      <c r="B70" s="8"/>
      <c r="C70" s="8"/>
      <c r="D70" s="8"/>
    </row>
    <row r="71" spans="1:5" x14ac:dyDescent="0.55000000000000004">
      <c r="A71" s="8"/>
      <c r="B71" s="8"/>
      <c r="C71" s="8"/>
      <c r="D71" s="8"/>
    </row>
  </sheetData>
  <mergeCells count="1">
    <mergeCell ref="A1:D1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研修・手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　佳子</dc:creator>
  <cp:lastModifiedBy>井上　佳子</cp:lastModifiedBy>
  <cp:lastPrinted>2026-01-21T07:32:37Z</cp:lastPrinted>
  <dcterms:created xsi:type="dcterms:W3CDTF">2025-02-07T02:13:17Z</dcterms:created>
  <dcterms:modified xsi:type="dcterms:W3CDTF">2026-03-03T02:13:02Z</dcterms:modified>
</cp:coreProperties>
</file>